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persons/person.xml" ContentType="application/vnd.ms-excel.perso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425"/>
  <workbookPr defaultThemeVersion="166925"/>
  <mc:AlternateContent xmlns:mc="http://schemas.openxmlformats.org/markup-compatibility/2006">
    <mc:Choice Requires="x15">
      <x15ac:absPath xmlns:x15ac="http://schemas.microsoft.com/office/spreadsheetml/2010/11/ac" url="https://oxfordshirecountycouncil-my.sharepoint.com/personal/ny955698_oxfordshire_gov_uk/Documents/Josh/Comms/Website/Holdings and voting data/2024-03/Holdings/To upload/"/>
    </mc:Choice>
  </mc:AlternateContent>
  <xr:revisionPtr revIDLastSave="0" documentId="8_{ABCC18AE-BA81-47D5-97BC-B1D6C6AC69E4}" xr6:coauthVersionLast="47" xr6:coauthVersionMax="47" xr10:uidLastSave="{00000000-0000-0000-0000-000000000000}"/>
  <bookViews>
    <workbookView xWindow="-110" yWindow="-110" windowWidth="19420" windowHeight="10420" xr2:uid="{2F678DE0-8BFA-468C-B766-6A2B7BD58FCE}"/>
  </bookViews>
  <sheets>
    <sheet name="ALO5LITTL" sheetId="1" r:id="rId1"/>
  </sheets>
  <externalReferences>
    <externalReference r:id="rId2"/>
    <externalReference r:id="rId3"/>
  </externalReferences>
  <definedNames>
    <definedName name="_AUTOFIT_COLS">#REF!</definedName>
    <definedName name="_BRXLS_SHEETS">#REF!</definedName>
    <definedName name="_CUR_PMS">#REF!</definedName>
    <definedName name="_CURR_PSUM">#REF!</definedName>
    <definedName name="_DETAIL">#REF!</definedName>
    <definedName name="_INSERTAMORT">#REF!</definedName>
    <definedName name="_INSERTBVADJ">#REF!</definedName>
    <definedName name="_INSERTNR">#REF!</definedName>
    <definedName name="_INSERTNRF">#REF!</definedName>
    <definedName name="_INSERTNU">#REF!</definedName>
    <definedName name="_INSERTNUF">#REF!</definedName>
    <definedName name="_INSERTUGF">#REF!</definedName>
    <definedName name="_MAIN">#REF!</definedName>
    <definedName name="_NO_RESIZE_COLS">#REF!</definedName>
    <definedName name="_NO_RESIZE_PAGE">#REF!</definedName>
    <definedName name="_OTHERINTINC">#REF!</definedName>
    <definedName name="_PREV_PMS">#REF!</definedName>
    <definedName name="_PRIOR_PSUM">#REF!</definedName>
    <definedName name="_TOCDETAIL">#REF!</definedName>
    <definedName name="_TOCREPORT">#REF!</definedName>
    <definedName name="_TOCSECTION">#REF!</definedName>
    <definedName name="_TOTALS">#REF!</definedName>
    <definedName name="AddInv">#REF!</definedName>
    <definedName name="AdjNAV">#REF!</definedName>
    <definedName name="b.1mo">#REF!</definedName>
    <definedName name="b.1yr">#REF!</definedName>
    <definedName name="b.3mo">#REF!</definedName>
    <definedName name="b.3yr.ann">#REF!</definedName>
    <definedName name="b.5yr.ann">#REF!</definedName>
    <definedName name="b.incep">#REF!</definedName>
    <definedName name="b.incep.ann">#REF!</definedName>
    <definedName name="b.ytd">#REF!</definedName>
    <definedName name="b2.1mo">#REF!</definedName>
    <definedName name="b2.1yr">#REF!</definedName>
    <definedName name="b2.3mo">#REF!</definedName>
    <definedName name="b2.3yr.ann">#REF!</definedName>
    <definedName name="b2.5yr.ann">#REF!</definedName>
    <definedName name="b2.incep">#REF!</definedName>
    <definedName name="b2.incep.ann">#REF!</definedName>
    <definedName name="b2.ytd">#REF!</definedName>
    <definedName name="BaseInterest">#REF!</definedName>
    <definedName name="BaseNetMoney">#REF!</definedName>
    <definedName name="BasePrincipal">#REF!</definedName>
    <definedName name="BAVBeg">#REF!</definedName>
    <definedName name="BegNav">#REF!</definedName>
    <definedName name="BegValSubTot">#REF!</definedName>
    <definedName name="BenchAvg">#REF!</definedName>
    <definedName name="BenchConv">#REF!</definedName>
    <definedName name="BenchCount">#REF!</definedName>
    <definedName name="BenchDur">#REF!</definedName>
    <definedName name="benchlist">#REF!</definedName>
    <definedName name="Benchmark1Bps">#REF!</definedName>
    <definedName name="Benchmark2Bps">#REF!</definedName>
    <definedName name="Benchmark2Section">#REF!</definedName>
    <definedName name="BenchmarkName">#REF!</definedName>
    <definedName name="BenchmarkName2">#REF!</definedName>
    <definedName name="BenchmarkNameN">#REF!</definedName>
    <definedName name="BenchmarkNSection">#REF!</definedName>
    <definedName name="BenchmarkSection">#REF!</definedName>
    <definedName name="BenchMktYld">#REF!</definedName>
    <definedName name="BenchTicker">#REF!</definedName>
    <definedName name="bn.1mo">#REF!</definedName>
    <definedName name="bn.1yr">#REF!</definedName>
    <definedName name="bn.3mo">#REF!</definedName>
    <definedName name="bn.3yr.ann">#REF!</definedName>
    <definedName name="bn.5yr.ann">#REF!</definedName>
    <definedName name="bn.incep">#REF!</definedName>
    <definedName name="bn.incep.ann">#REF!</definedName>
    <definedName name="bn.ytd">#REF!</definedName>
    <definedName name="BookYld">#REF!</definedName>
    <definedName name="BV_Type">#REF!</definedName>
    <definedName name="BV_Value">#REF!</definedName>
    <definedName name="BVOther">#REF!</definedName>
    <definedName name="BVTotal">#REF!</definedName>
    <definedName name="CASH_CURR">#REF!</definedName>
    <definedName name="CASH_PREV">#REF!</definedName>
    <definedName name="CashAmt">#REF!</definedName>
    <definedName name="CashEqAmt">#REF!</definedName>
    <definedName name="CashHdr">#REF!</definedName>
    <definedName name="ClientName">#REF!</definedName>
    <definedName name="ClientReportingStyle">#REF!</definedName>
    <definedName name="CommCashAmt">#REF!</definedName>
    <definedName name="Coupon">#REF!</definedName>
    <definedName name="cpPeriodC">#REF!</definedName>
    <definedName name="cpPeriodD">#REF!</definedName>
    <definedName name="cur_can_round">#REF!</definedName>
    <definedName name="cur_max">#REF!</definedName>
    <definedName name="cur_short">#REF!</definedName>
    <definedName name="cur_title">#REF!</definedName>
    <definedName name="cur_total">#REF!</definedName>
    <definedName name="cur_value">#REF!</definedName>
    <definedName name="curr_categories">#REF!</definedName>
    <definedName name="CurrencySection">#REF!</definedName>
    <definedName name="CurrentFace">#REF!</definedName>
    <definedName name="CurrentPeriod">#REF!</definedName>
    <definedName name="CurrPSUM">#REF!</definedName>
    <definedName name="CustFees">#REF!</definedName>
    <definedName name="DataSection">#REF!</definedName>
    <definedName name="DataTable">#REF!</definedName>
    <definedName name="DataTableTarget">#REF!</definedName>
    <definedName name="DeleteForDisclaimer">#REF!</definedName>
    <definedName name="Desc">#REF!</definedName>
    <definedName name="Detail">#REF!</definedName>
    <definedName name="Disclaimer">'[1]Sector Mapping'!$Y$1:$Y$40</definedName>
    <definedName name="DisclaimerRange">#REF!</definedName>
    <definedName name="DivPaid">#REF!</definedName>
    <definedName name="EndCurrentPeriod">#REF!</definedName>
    <definedName name="EndNAV">#REF!</definedName>
    <definedName name="EntryNumber">#REF!</definedName>
    <definedName name="EntryText">#REF!</definedName>
    <definedName name="EntryType">#REF!</definedName>
    <definedName name="ExcessReturnSection">#REF!</definedName>
    <definedName name="ExpandRange">#REF!</definedName>
    <definedName name="footnote">#REF!</definedName>
    <definedName name="Frequency">#REF!</definedName>
    <definedName name="FundInceptionDate">#REF!</definedName>
    <definedName name="GapConv">#REF!</definedName>
    <definedName name="GapDur">#REF!</definedName>
    <definedName name="GapMktYld">#REF!</definedName>
    <definedName name="graph.1mo">#REF!</definedName>
    <definedName name="graph.1yr">#REF!</definedName>
    <definedName name="graph.3mo">#REF!</definedName>
    <definedName name="graph.3yr.ann">#REF!</definedName>
    <definedName name="graph.5yr.ann">#REF!</definedName>
    <definedName name="graph.desc">#REF!</definedName>
    <definedName name="graph.incep">#REF!</definedName>
    <definedName name="graph.incep.ann">#REF!</definedName>
    <definedName name="graph.ytd">#REF!</definedName>
    <definedName name="GraphTitle">#REF!</definedName>
    <definedName name="IIBeg">#REF!</definedName>
    <definedName name="IIOtherIntInc">#REF!</definedName>
    <definedName name="IncepDate1">#REF!</definedName>
    <definedName name="IncepDate2">#REF!</definedName>
    <definedName name="InsertAmort">#REF!</definedName>
    <definedName name="InsertBVAdj">#REF!</definedName>
    <definedName name="InsertCur">#REF!</definedName>
    <definedName name="InsertNR">#REF!</definedName>
    <definedName name="InsertNRF">#REF!</definedName>
    <definedName name="InsertNU">#REF!</definedName>
    <definedName name="InsertNUF">#REF!</definedName>
    <definedName name="InsertOtherIntInc">#REF!</definedName>
    <definedName name="InsertPrev">#REF!</definedName>
    <definedName name="InsertUGF">#REF!</definedName>
    <definedName name="Interest">#REF!</definedName>
    <definedName name="Interest_Inc_Type">#REF!</definedName>
    <definedName name="Interest_Inc_Value">#REF!</definedName>
    <definedName name="IntInc">#REF!</definedName>
    <definedName name="ISIN">#REF!</definedName>
    <definedName name="ISO">#REF!</definedName>
    <definedName name="LeftLabel">#REF!</definedName>
    <definedName name="LeftTable">#REF!</definedName>
    <definedName name="ListHoldingFields">'[2]Sector Mapping'!$Y$1:$Y$40</definedName>
    <definedName name="Mandate">#REF!</definedName>
    <definedName name="MatDate">#REF!</definedName>
    <definedName name="MgtFees">#REF!</definedName>
    <definedName name="MktYld">#REF!</definedName>
    <definedName name="NAIBeg">#REF!</definedName>
    <definedName name="NAIOtherAmort">#REF!</definedName>
    <definedName name="NAITotal">#REF!</definedName>
    <definedName name="NAV">#REF!</definedName>
    <definedName name="Net_Amort_Type">#REF!</definedName>
    <definedName name="Net_Amort_Value">#REF!</definedName>
    <definedName name="net_DataSection">#REF!</definedName>
    <definedName name="net_Detail">#REF!</definedName>
    <definedName name="net_name">#REF!</definedName>
    <definedName name="net_section">#REF!</definedName>
    <definedName name="net_value">#REF!</definedName>
    <definedName name="NetMoney">#REF!</definedName>
    <definedName name="NR_Type">#REF!</definedName>
    <definedName name="NR_Value">#REF!</definedName>
    <definedName name="NRBeg">#REF!</definedName>
    <definedName name="NRF_Type">#REF!</definedName>
    <definedName name="NRF_Value">#REF!</definedName>
    <definedName name="NRFBeg">#REF!</definedName>
    <definedName name="NRFOther">#REF!</definedName>
    <definedName name="NRFTotal">#REF!</definedName>
    <definedName name="NRFTotalB4Ugl">#REF!</definedName>
    <definedName name="NROther">#REF!</definedName>
    <definedName name="NRTotal">#REF!</definedName>
    <definedName name="NU_Type">#REF!</definedName>
    <definedName name="NU_Value">#REF!</definedName>
    <definedName name="NUBeg">#REF!</definedName>
    <definedName name="NUF_Type">#REF!</definedName>
    <definedName name="NUF_Value">#REF!</definedName>
    <definedName name="NUFBeg">#REF!</definedName>
    <definedName name="NUFOther">#REF!</definedName>
    <definedName name="NUFTotal">#REF!</definedName>
    <definedName name="NUOther">#REF!</definedName>
    <definedName name="NUTotal">#REF!</definedName>
    <definedName name="OrigFace">#REF!</definedName>
    <definedName name="OtherFXUGL">#REF!</definedName>
    <definedName name="OtherHDR">#REF!</definedName>
    <definedName name="OtherIntInc">#REF!</definedName>
    <definedName name="p.1mo">#REF!</definedName>
    <definedName name="p.1yr">#REF!</definedName>
    <definedName name="p.3mo">#REF!</definedName>
    <definedName name="p.3yr.ann">#REF!</definedName>
    <definedName name="p.5yr.ann">#REF!</definedName>
    <definedName name="p.incep">#REF!</definedName>
    <definedName name="p.incep.ann">#REF!</definedName>
    <definedName name="p.ytd">#REF!</definedName>
    <definedName name="Paragraph">#REF!</definedName>
    <definedName name="pBenchAvg">#REF!</definedName>
    <definedName name="pBenchConv">#REF!</definedName>
    <definedName name="pBenchDur">#REF!</definedName>
    <definedName name="pBenchMktYld">#REF!</definedName>
    <definedName name="pBookYld">#REF!</definedName>
    <definedName name="pCashAmt">#REF!</definedName>
    <definedName name="pCashEqAmt">#REF!</definedName>
    <definedName name="pCommCashAmt">#REF!</definedName>
    <definedName name="pGapConv">#REF!</definedName>
    <definedName name="pGapDur">#REF!</definedName>
    <definedName name="pGapMktYld">#REF!</definedName>
    <definedName name="pMktYld">#REF!</definedName>
    <definedName name="pNAV">#REF!</definedName>
    <definedName name="Port_Fullname">#REF!</definedName>
    <definedName name="PortAvg">#REF!</definedName>
    <definedName name="PortConv">#REF!</definedName>
    <definedName name="PortDur">#REF!</definedName>
    <definedName name="PortfolioFullName">#REF!</definedName>
    <definedName name="PortfolioName">#REF!</definedName>
    <definedName name="PortfolioSection">#REF!</definedName>
    <definedName name="PortfolioTicker">#REF!</definedName>
    <definedName name="pPeriodC">#REF!</definedName>
    <definedName name="pPeriodD">#REF!</definedName>
    <definedName name="pPortAvg">#REF!</definedName>
    <definedName name="pPortConv">#REF!</definedName>
    <definedName name="pPortDur">#REF!</definedName>
    <definedName name="PREV_AMOUNT">#REF!</definedName>
    <definedName name="prev_can_round">#REF!</definedName>
    <definedName name="prev_categories">#REF!</definedName>
    <definedName name="prev_max">#REF!</definedName>
    <definedName name="prev_title">#REF!</definedName>
    <definedName name="prev_total">#REF!</definedName>
    <definedName name="prev_value">#REF!</definedName>
    <definedName name="prevCashHdr">#REF!</definedName>
    <definedName name="prevOtherHDR">#REF!</definedName>
    <definedName name="Price">#REF!</definedName>
    <definedName name="Principal">#REF!</definedName>
    <definedName name="PrintAreaWithDisclaimer">#REF!</definedName>
    <definedName name="PriorPeriod">#REF!</definedName>
    <definedName name="PriorPeriodRegion">#REF!</definedName>
    <definedName name="PriorPSUM">#REF!</definedName>
    <definedName name="PriorUGL">#REF!</definedName>
    <definedName name="pUGL">#REF!</definedName>
    <definedName name="pYTDRGL">#REF!</definedName>
    <definedName name="RemoveLine">#REF!</definedName>
    <definedName name="ReportCurrency">#REF!</definedName>
    <definedName name="ReportDate">#REF!</definedName>
    <definedName name="ReportName">#REF!</definedName>
    <definedName name="ReportTitle">#REF!</definedName>
    <definedName name="RGL">#REF!</definedName>
    <definedName name="RightLabel">#REF!</definedName>
    <definedName name="RightTable">#REF!</definedName>
    <definedName name="Rows.1Bench">#REF!</definedName>
    <definedName name="Rows.NoBench">#REF!</definedName>
    <definedName name="rpt_name">#REF!</definedName>
    <definedName name="rpt_title">#REF!</definedName>
    <definedName name="RunDate">#REF!</definedName>
    <definedName name="SettleDate">#REF!</definedName>
    <definedName name="ShareClass">#REF!</definedName>
    <definedName name="show_nav">#REF!</definedName>
    <definedName name="SubtotalInterest">#REF!</definedName>
    <definedName name="SubtotalLabel">#REF!</definedName>
    <definedName name="SubtotalNetMoney">#REF!</definedName>
    <definedName name="SubtotalPrincipal">#REF!</definedName>
    <definedName name="SummingAmort">#REF!</definedName>
    <definedName name="SummingBookValue">#REF!</definedName>
    <definedName name="SummingFees">#REF!</definedName>
    <definedName name="SummingIntInc">#REF!</definedName>
    <definedName name="SummingNR">#REF!</definedName>
    <definedName name="SummingNRF">#REF!</definedName>
    <definedName name="SummingNU">#REF!</definedName>
    <definedName name="SummingNUF">#REF!</definedName>
    <definedName name="SummingUGF">#REF!</definedName>
    <definedName name="TaxableRows">#REF!</definedName>
    <definedName name="TaxableRowsCurrent">#REF!</definedName>
    <definedName name="TaxableRowsPrior">#REF!</definedName>
    <definedName name="TaxStatus">#REF!</definedName>
    <definedName name="TOCRegion">#REF!</definedName>
    <definedName name="tolerance">#REF!</definedName>
    <definedName name="TotalInterest">#REF!</definedName>
    <definedName name="TotalIntInc">#REF!</definedName>
    <definedName name="TotalLabel">#REF!</definedName>
    <definedName name="TotalMC">#REF!</definedName>
    <definedName name="TotalNetMoney">#REF!</definedName>
    <definedName name="TotalPrincipal">#REF!</definedName>
    <definedName name="tPortName">#REF!</definedName>
    <definedName name="TradeDate">#REF!</definedName>
    <definedName name="TradeNumber">#REF!</definedName>
    <definedName name="TradeType">#REF!</definedName>
    <definedName name="UGF_Type">#REF!</definedName>
    <definedName name="UGF_Value">#REF!</definedName>
    <definedName name="UGFBeg">#REF!</definedName>
    <definedName name="UGFOther">#REF!</definedName>
    <definedName name="UGFSubtotal">#REF!</definedName>
    <definedName name="UGFTotalAccrued">#REF!</definedName>
    <definedName name="UGL">#REF!</definedName>
    <definedName name="xs.1mo">#REF!</definedName>
    <definedName name="xs.1yr">#REF!</definedName>
    <definedName name="xs.3mo">#REF!</definedName>
    <definedName name="xs.3yr.ann">#REF!</definedName>
    <definedName name="xs.5yr.ann">#REF!</definedName>
    <definedName name="xs.header">#REF!</definedName>
    <definedName name="xs.incep">#REF!</definedName>
    <definedName name="xs.incep.ann">#REF!</definedName>
    <definedName name="xs.ytd">#REF!</definedName>
    <definedName name="Yield">#REF!</definedName>
    <definedName name="YTDRGL">#REF!</definedName>
  </definedName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07" uniqueCount="44">
  <si>
    <t/>
  </si>
  <si>
    <t>Portfolio Full Name</t>
  </si>
  <si>
    <t>Date</t>
  </si>
  <si>
    <t>Currency</t>
  </si>
  <si>
    <t>Benchmark</t>
  </si>
  <si>
    <t>Brunel Holdings</t>
  </si>
  <si>
    <t>Aquila Life Over 5 Years UK Index Linked Gilt Index Fund</t>
  </si>
  <si>
    <t>29-MAR-2024</t>
  </si>
  <si>
    <t>GBP</t>
  </si>
  <si>
    <t>Primary (FTILGLT5P)</t>
  </si>
  <si>
    <t>ISIN</t>
  </si>
  <si>
    <t>Par Value (m)</t>
  </si>
  <si>
    <t>Security Description</t>
  </si>
  <si>
    <t>GB00BM8Z2W66</t>
  </si>
  <si>
    <t>UK I/L GILT       RegS</t>
  </si>
  <si>
    <t>GB00BPSNBG80</t>
  </si>
  <si>
    <t>GB00BMF9LH90</t>
  </si>
  <si>
    <t>GB00BYVP4K94</t>
  </si>
  <si>
    <t>GB00BD9MZZ71</t>
  </si>
  <si>
    <t>GB00BMF9LJ15</t>
  </si>
  <si>
    <t>GB00BNNGP882</t>
  </si>
  <si>
    <t>GB00BP9DLZ64</t>
  </si>
  <si>
    <t>GB00BLH38265</t>
  </si>
  <si>
    <t>GB00BZ13DV40</t>
  </si>
  <si>
    <t>GB00BDX8CX86</t>
  </si>
  <si>
    <t>GB00BGDYHF49</t>
  </si>
  <si>
    <t>GB00B73ZYW09</t>
  </si>
  <si>
    <t>GB00B4PTCY75</t>
  </si>
  <si>
    <t>GB00BYMWG366</t>
  </si>
  <si>
    <t>GB0008932666</t>
  </si>
  <si>
    <t>GB00BNNGP551</t>
  </si>
  <si>
    <t>UK I/L GILT      RegS</t>
  </si>
  <si>
    <t>GB00B421JZ66</t>
  </si>
  <si>
    <t>GB00BYZW3J87</t>
  </si>
  <si>
    <t>GB00B24FFM16</t>
  </si>
  <si>
    <t>GB00B0CNHZ09</t>
  </si>
  <si>
    <t>GB00B7RN0G65</t>
  </si>
  <si>
    <t>GB00B3MYD345</t>
  </si>
  <si>
    <t>GB0031790826</t>
  </si>
  <si>
    <t>GB00B3LZBF68</t>
  </si>
  <si>
    <t>GB00B46CGH68</t>
  </si>
  <si>
    <t>GB00B3D4VD98</t>
  </si>
  <si>
    <t>GB00B1L6W962</t>
  </si>
  <si>
    <t>OPF Market Valu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,"/>
  </numFmts>
  <fonts count="4" x14ac:knownFonts="1">
    <font>
      <sz val="11"/>
      <color indexed="8"/>
      <name val="Calibri"/>
      <family val="2"/>
      <scheme val="minor"/>
    </font>
    <font>
      <b/>
      <sz val="10"/>
      <name val="Arial"/>
      <family val="2"/>
    </font>
    <font>
      <sz val="10"/>
      <name val="Arial"/>
      <family val="2"/>
    </font>
    <font>
      <b/>
      <sz val="11"/>
      <name val="Calibri"/>
      <family val="2"/>
    </font>
  </fonts>
  <fills count="5">
    <fill>
      <patternFill patternType="none"/>
    </fill>
    <fill>
      <patternFill patternType="gray125"/>
    </fill>
    <fill>
      <patternFill patternType="solid">
        <fgColor rgb="FFEBEBEB"/>
      </patternFill>
    </fill>
    <fill>
      <patternFill patternType="solid">
        <fgColor rgb="FFFFFFFF"/>
      </patternFill>
    </fill>
    <fill>
      <patternFill patternType="solid">
        <fgColor rgb="FFDDDACB"/>
      </patternFill>
    </fill>
  </fills>
  <borders count="7">
    <border>
      <left/>
      <right/>
      <top/>
      <bottom/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/>
      <right/>
      <top/>
      <bottom style="thin">
        <color indexed="8"/>
      </bottom>
      <diagonal/>
    </border>
    <border>
      <left style="thin">
        <color indexed="8"/>
      </left>
      <right/>
      <top/>
      <bottom style="thin">
        <color indexed="8"/>
      </bottom>
      <diagonal/>
    </border>
    <border>
      <left/>
      <right/>
      <top style="thin">
        <color indexed="8"/>
      </top>
      <bottom/>
      <diagonal/>
    </border>
    <border>
      <left style="thin">
        <color indexed="8"/>
      </left>
      <right/>
      <top style="thin">
        <color indexed="8"/>
      </top>
      <bottom/>
      <diagonal/>
    </border>
  </borders>
  <cellStyleXfs count="1">
    <xf numFmtId="0" fontId="0" fillId="0" borderId="0"/>
  </cellStyleXfs>
  <cellXfs count="16">
    <xf numFmtId="0" fontId="0" fillId="0" borderId="0" xfId="0"/>
    <xf numFmtId="0" fontId="1" fillId="0" borderId="0" xfId="0" applyFont="1" applyAlignment="1">
      <alignment horizontal="left"/>
    </xf>
    <xf numFmtId="0" fontId="2" fillId="2" borderId="1" xfId="0" applyFont="1" applyFill="1" applyBorder="1" applyAlignment="1">
      <alignment horizontal="left"/>
    </xf>
    <xf numFmtId="4" fontId="2" fillId="2" borderId="1" xfId="0" applyNumberFormat="1" applyFont="1" applyFill="1" applyBorder="1" applyAlignment="1">
      <alignment horizontal="right"/>
    </xf>
    <xf numFmtId="164" fontId="2" fillId="2" borderId="1" xfId="0" applyNumberFormat="1" applyFont="1" applyFill="1" applyBorder="1" applyAlignment="1">
      <alignment horizontal="right"/>
    </xf>
    <xf numFmtId="0" fontId="2" fillId="2" borderId="1" xfId="0" applyFont="1" applyFill="1" applyBorder="1" applyAlignment="1">
      <alignment horizontal="left" indent="2"/>
    </xf>
    <xf numFmtId="0" fontId="2" fillId="3" borderId="1" xfId="0" applyFont="1" applyFill="1" applyBorder="1" applyAlignment="1">
      <alignment horizontal="left"/>
    </xf>
    <xf numFmtId="164" fontId="2" fillId="3" borderId="1" xfId="0" applyNumberFormat="1" applyFont="1" applyFill="1" applyBorder="1" applyAlignment="1">
      <alignment horizontal="right"/>
    </xf>
    <xf numFmtId="0" fontId="2" fillId="3" borderId="1" xfId="0" applyFont="1" applyFill="1" applyBorder="1" applyAlignment="1">
      <alignment horizontal="left" indent="2"/>
    </xf>
    <xf numFmtId="0" fontId="1" fillId="4" borderId="2" xfId="0" applyFont="1" applyFill="1" applyBorder="1" applyAlignment="1">
      <alignment horizontal="center" wrapText="1"/>
    </xf>
    <xf numFmtId="0" fontId="3" fillId="0" borderId="3" xfId="0" applyFont="1" applyBorder="1" applyAlignment="1">
      <alignment horizontal="center"/>
    </xf>
    <xf numFmtId="0" fontId="3" fillId="0" borderId="4" xfId="0" applyFont="1" applyBorder="1" applyAlignment="1">
      <alignment horizontal="center"/>
    </xf>
    <xf numFmtId="0" fontId="3" fillId="0" borderId="5" xfId="0" applyFont="1" applyBorder="1" applyAlignment="1">
      <alignment horizontal="center"/>
    </xf>
    <xf numFmtId="0" fontId="3" fillId="0" borderId="6" xfId="0" applyFont="1" applyBorder="1" applyAlignment="1">
      <alignment horizontal="center"/>
    </xf>
    <xf numFmtId="4" fontId="0" fillId="0" borderId="0" xfId="0" applyNumberFormat="1"/>
    <xf numFmtId="10" fontId="0" fillId="0" borderId="0" xfId="0" applyNumberFormat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1.xml"/><Relationship Id="rId3" Type="http://schemas.openxmlformats.org/officeDocument/2006/relationships/externalLink" Target="externalLinks/externalLink2.xml"/><Relationship Id="rId7" Type="http://schemas.microsoft.com/office/2017/10/relationships/person" Target="persons/person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10" Type="http://schemas.openxmlformats.org/officeDocument/2006/relationships/customXml" Target="../customXml/item3.xml"/><Relationship Id="rId4" Type="http://schemas.openxmlformats.org/officeDocument/2006/relationships/theme" Target="theme/theme1.xml"/><Relationship Id="rId9" Type="http://schemas.openxmlformats.org/officeDocument/2006/relationships/customXml" Target="../customXml/item2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Z:\data\i456176\Temp\DropOL\zzBLKBespokeSectorMapping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AEAST.AD.JPMORGANCHASE.COM\AmerXBUS$\data\i456176\Temp\DropOL\zzBLKBespokeSectorMapping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ector Mapping"/>
      <sheetName val="Sector Mapping (2)"/>
    </sheetNames>
    <sheetDataSet>
      <sheetData sheetId="0">
        <row r="1">
          <cell r="Y1" t="str">
            <v>Account Number</v>
          </cell>
        </row>
        <row r="2">
          <cell r="Y2" t="str">
            <v>Accrued Income (Base)</v>
          </cell>
        </row>
        <row r="3">
          <cell r="Y3" t="str">
            <v>Accrued Income (Local)</v>
          </cell>
        </row>
        <row r="4">
          <cell r="Y4" t="str">
            <v>Accrued Income Gross (Base)</v>
          </cell>
        </row>
        <row r="5">
          <cell r="Y5" t="str">
            <v>Accrued Income Net</v>
          </cell>
        </row>
        <row r="6">
          <cell r="Y6" t="str">
            <v>Asset Group</v>
          </cell>
        </row>
        <row r="7">
          <cell r="Y7" t="str">
            <v>Asset Sort</v>
          </cell>
        </row>
        <row r="8">
          <cell r="Y8" t="str">
            <v>Asset Type</v>
          </cell>
        </row>
        <row r="9">
          <cell r="Y9" t="str">
            <v>Base GBP Cash Balance</v>
          </cell>
        </row>
        <row r="10">
          <cell r="Y10" t="str">
            <v>BLK Sector 1</v>
          </cell>
        </row>
        <row r="11">
          <cell r="Y11" t="str">
            <v>BLK Sector 2</v>
          </cell>
        </row>
        <row r="12">
          <cell r="Y12" t="str">
            <v>Book Cost (Base)</v>
          </cell>
        </row>
        <row r="13">
          <cell r="Y13" t="str">
            <v>Book Cost (Local)</v>
          </cell>
        </row>
        <row r="14">
          <cell r="Y14" t="str">
            <v>Call</v>
          </cell>
        </row>
        <row r="15">
          <cell r="Y15" t="str">
            <v>Category Code</v>
          </cell>
        </row>
        <row r="16">
          <cell r="Y16" t="str">
            <v>Country of Exposure</v>
          </cell>
        </row>
        <row r="17">
          <cell r="Y17" t="str">
            <v>Currency</v>
          </cell>
        </row>
        <row r="18">
          <cell r="Y18" t="str">
            <v>Dividend Rate</v>
          </cell>
        </row>
        <row r="19">
          <cell r="Y19" t="str">
            <v>Ex Date</v>
          </cell>
        </row>
        <row r="20">
          <cell r="Y20" t="str">
            <v>Income Currency</v>
          </cell>
        </row>
        <row r="21">
          <cell r="Y21" t="str">
            <v>Industry Code</v>
          </cell>
        </row>
        <row r="22">
          <cell r="Y22" t="str">
            <v>Market Value (Base)</v>
          </cell>
        </row>
        <row r="23">
          <cell r="Y23" t="str">
            <v>Market Value (Local)</v>
          </cell>
        </row>
        <row r="24">
          <cell r="Y24" t="str">
            <v>Pay Date</v>
          </cell>
        </row>
        <row r="25">
          <cell r="Y25" t="str">
            <v>Price</v>
          </cell>
        </row>
        <row r="26">
          <cell r="Y26" t="str">
            <v>Price Currency</v>
          </cell>
        </row>
        <row r="27">
          <cell r="Y27" t="str">
            <v>Reclaim Amount</v>
          </cell>
        </row>
        <row r="28">
          <cell r="Y28" t="str">
            <v>Reclaim Amount (Base)</v>
          </cell>
        </row>
        <row r="29">
          <cell r="Y29" t="str">
            <v>Region</v>
          </cell>
        </row>
        <row r="30">
          <cell r="Y30" t="str">
            <v>Row</v>
          </cell>
        </row>
        <row r="31">
          <cell r="Y31" t="str">
            <v>SAUD3 Fld35</v>
          </cell>
        </row>
        <row r="32">
          <cell r="Y32" t="str">
            <v>Sector Code</v>
          </cell>
        </row>
        <row r="33">
          <cell r="Y33" t="str">
            <v>Security Description Line 1</v>
          </cell>
        </row>
        <row r="34">
          <cell r="Y34" t="str">
            <v>Security Number</v>
          </cell>
        </row>
        <row r="35">
          <cell r="Y35" t="str">
            <v>Security Number (Full)</v>
          </cell>
        </row>
        <row r="36">
          <cell r="Y36" t="str">
            <v>Segment Code</v>
          </cell>
        </row>
        <row r="37">
          <cell r="Y37" t="str">
            <v>Settled Market Value (Base)</v>
          </cell>
        </row>
        <row r="38">
          <cell r="Y38" t="str">
            <v>Shares Par</v>
          </cell>
        </row>
        <row r="39">
          <cell r="Y39" t="str">
            <v>Withholding</v>
          </cell>
        </row>
        <row r="40">
          <cell r="Y40" t="str">
            <v>Withholding (Base)</v>
          </cell>
        </row>
      </sheetData>
      <sheetData sheetId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ector Mapping"/>
      <sheetName val="Sector Mapping (2)"/>
    </sheetNames>
    <sheetDataSet>
      <sheetData sheetId="0">
        <row r="1">
          <cell r="Y1" t="str">
            <v>Account Number</v>
          </cell>
        </row>
        <row r="2">
          <cell r="Y2" t="str">
            <v>Accrued Income (Base)</v>
          </cell>
        </row>
        <row r="3">
          <cell r="Y3" t="str">
            <v>Accrued Income (Local)</v>
          </cell>
        </row>
        <row r="4">
          <cell r="Y4" t="str">
            <v>Accrued Income Gross (Base)</v>
          </cell>
        </row>
        <row r="5">
          <cell r="Y5" t="str">
            <v>Accrued Income Net</v>
          </cell>
        </row>
        <row r="6">
          <cell r="Y6" t="str">
            <v>Asset Group</v>
          </cell>
        </row>
        <row r="7">
          <cell r="Y7" t="str">
            <v>Asset Sort</v>
          </cell>
        </row>
        <row r="8">
          <cell r="Y8" t="str">
            <v>Asset Type</v>
          </cell>
        </row>
        <row r="9">
          <cell r="Y9" t="str">
            <v>Base GBP Cash Balance</v>
          </cell>
        </row>
        <row r="10">
          <cell r="Y10" t="str">
            <v>BLK Sector 1</v>
          </cell>
        </row>
        <row r="11">
          <cell r="Y11" t="str">
            <v>BLK Sector 2</v>
          </cell>
        </row>
        <row r="12">
          <cell r="Y12" t="str">
            <v>Book Cost (Base)</v>
          </cell>
        </row>
        <row r="13">
          <cell r="Y13" t="str">
            <v>Book Cost (Local)</v>
          </cell>
        </row>
        <row r="14">
          <cell r="Y14" t="str">
            <v>Call</v>
          </cell>
        </row>
        <row r="15">
          <cell r="Y15" t="str">
            <v>Category Code</v>
          </cell>
        </row>
        <row r="16">
          <cell r="Y16" t="str">
            <v>Country of Exposure</v>
          </cell>
        </row>
        <row r="17">
          <cell r="Y17" t="str">
            <v>Currency</v>
          </cell>
        </row>
        <row r="18">
          <cell r="Y18" t="str">
            <v>Dividend Rate</v>
          </cell>
        </row>
        <row r="19">
          <cell r="Y19" t="str">
            <v>Ex Date</v>
          </cell>
        </row>
        <row r="20">
          <cell r="Y20" t="str">
            <v>Income Currency</v>
          </cell>
        </row>
        <row r="21">
          <cell r="Y21" t="str">
            <v>Industry Code</v>
          </cell>
        </row>
        <row r="22">
          <cell r="Y22" t="str">
            <v>Market Value (Base)</v>
          </cell>
        </row>
        <row r="23">
          <cell r="Y23" t="str">
            <v>Market Value (Local)</v>
          </cell>
        </row>
        <row r="24">
          <cell r="Y24" t="str">
            <v>Pay Date</v>
          </cell>
        </row>
        <row r="25">
          <cell r="Y25" t="str">
            <v>Price</v>
          </cell>
        </row>
        <row r="26">
          <cell r="Y26" t="str">
            <v>Price Currency</v>
          </cell>
        </row>
        <row r="27">
          <cell r="Y27" t="str">
            <v>Reclaim Amount</v>
          </cell>
        </row>
        <row r="28">
          <cell r="Y28" t="str">
            <v>Reclaim Amount (Base)</v>
          </cell>
        </row>
        <row r="29">
          <cell r="Y29" t="str">
            <v>Region</v>
          </cell>
        </row>
        <row r="30">
          <cell r="Y30" t="str">
            <v>Row</v>
          </cell>
        </row>
        <row r="31">
          <cell r="Y31" t="str">
            <v>SAUD3 Fld35</v>
          </cell>
        </row>
        <row r="32">
          <cell r="Y32" t="str">
            <v>Sector Code</v>
          </cell>
        </row>
        <row r="33">
          <cell r="Y33" t="str">
            <v>Security Description Line 1</v>
          </cell>
        </row>
        <row r="34">
          <cell r="Y34" t="str">
            <v>Security Number</v>
          </cell>
        </row>
        <row r="35">
          <cell r="Y35" t="str">
            <v>Security Number (Full)</v>
          </cell>
        </row>
        <row r="36">
          <cell r="Y36" t="str">
            <v>Segment Code</v>
          </cell>
        </row>
        <row r="37">
          <cell r="Y37" t="str">
            <v>Settled Market Value (Base)</v>
          </cell>
        </row>
        <row r="38">
          <cell r="Y38" t="str">
            <v>Shares Par</v>
          </cell>
        </row>
        <row r="39">
          <cell r="Y39" t="str">
            <v>Withholding</v>
          </cell>
        </row>
        <row r="40">
          <cell r="Y40" t="str">
            <v>Withholding (Base)</v>
          </cell>
        </row>
      </sheetData>
      <sheetData sheetId="1"/>
    </sheetDataSet>
  </externalBook>
</externalLink>
</file>

<file path=xl/persons/person.xml><?xml version="1.0" encoding="utf-8"?>
<personList xmlns="http://schemas.microsoft.com/office/spreadsheetml/2018/threadedcomments" xmlns:x="http://schemas.openxmlformats.org/spreadsheetml/2006/main"/>
</file>

<file path=xl/theme/theme1.xml><?xml version="1.0" encoding="utf-8"?>
<a:theme xmlns:a="http://schemas.openxmlformats.org/drawingml/2006/main" name="Office 2013 - 2022 Theme">
  <a:themeElements>
    <a:clrScheme name="Office 2013 - 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2013 - 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 2013 - 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4F2A13C-F438-4138-BD1E-D4DE8619F599}">
  <dimension ref="A1:F37"/>
  <sheetViews>
    <sheetView tabSelected="1" workbookViewId="0">
      <selection activeCell="D36" sqref="D36"/>
    </sheetView>
  </sheetViews>
  <sheetFormatPr defaultRowHeight="14.5" x14ac:dyDescent="0.35"/>
  <cols>
    <col min="1" max="1" width="24.1796875" bestFit="1" customWidth="1"/>
    <col min="2" max="2" width="15.1796875" bestFit="1" customWidth="1"/>
    <col min="3" max="3" width="52" bestFit="1" customWidth="1"/>
    <col min="4" max="4" width="17.81640625" customWidth="1"/>
    <col min="5" max="5" width="16.453125" customWidth="1"/>
    <col min="6" max="6" width="15" customWidth="1"/>
  </cols>
  <sheetData>
    <row r="1" spans="1:6" x14ac:dyDescent="0.35">
      <c r="A1" t="s">
        <v>0</v>
      </c>
      <c r="B1" t="s">
        <v>0</v>
      </c>
      <c r="C1" t="s">
        <v>0</v>
      </c>
      <c r="E1" t="s">
        <v>0</v>
      </c>
      <c r="F1" t="s">
        <v>0</v>
      </c>
    </row>
    <row r="2" spans="1:6" x14ac:dyDescent="0.35">
      <c r="A2" s="13"/>
      <c r="B2" s="12"/>
      <c r="C2" s="12" t="s">
        <v>1</v>
      </c>
      <c r="D2" s="12" t="s">
        <v>2</v>
      </c>
      <c r="E2" s="12" t="s">
        <v>4</v>
      </c>
    </row>
    <row r="3" spans="1:6" x14ac:dyDescent="0.35">
      <c r="A3" s="11"/>
      <c r="B3" s="10" t="s">
        <v>5</v>
      </c>
      <c r="C3" s="10" t="s">
        <v>6</v>
      </c>
      <c r="D3" s="10" t="s">
        <v>7</v>
      </c>
      <c r="E3" s="10" t="s">
        <v>9</v>
      </c>
    </row>
    <row r="4" spans="1:6" x14ac:dyDescent="0.35">
      <c r="A4" t="s">
        <v>0</v>
      </c>
      <c r="B4" t="s">
        <v>0</v>
      </c>
      <c r="C4" t="s">
        <v>0</v>
      </c>
      <c r="E4" t="s">
        <v>0</v>
      </c>
      <c r="F4" t="s">
        <v>0</v>
      </c>
    </row>
    <row r="6" spans="1:6" x14ac:dyDescent="0.35">
      <c r="A6" s="9" t="s">
        <v>10</v>
      </c>
      <c r="B6" s="9" t="s">
        <v>11</v>
      </c>
      <c r="C6" s="9" t="s">
        <v>12</v>
      </c>
      <c r="D6" s="9" t="s">
        <v>43</v>
      </c>
      <c r="E6" s="9" t="s">
        <v>3</v>
      </c>
    </row>
    <row r="7" spans="1:6" x14ac:dyDescent="0.35">
      <c r="A7" s="8" t="s">
        <v>13</v>
      </c>
      <c r="B7" s="7">
        <v>23624862.149999999</v>
      </c>
      <c r="C7" s="6" t="s">
        <v>14</v>
      </c>
      <c r="D7" s="3">
        <v>2011941.6445956812</v>
      </c>
      <c r="E7" s="6" t="s">
        <v>8</v>
      </c>
    </row>
    <row r="8" spans="1:6" x14ac:dyDescent="0.35">
      <c r="A8" s="5" t="s">
        <v>15</v>
      </c>
      <c r="B8" s="4">
        <v>17487587.200000003</v>
      </c>
      <c r="C8" s="2" t="s">
        <v>14</v>
      </c>
      <c r="D8" s="3">
        <v>2142340.6470318218</v>
      </c>
      <c r="E8" s="2" t="s">
        <v>8</v>
      </c>
    </row>
    <row r="9" spans="1:6" x14ac:dyDescent="0.35">
      <c r="A9" s="8" t="s">
        <v>16</v>
      </c>
      <c r="B9" s="7">
        <v>34927818</v>
      </c>
      <c r="C9" s="6" t="s">
        <v>14</v>
      </c>
      <c r="D9" s="3">
        <v>3829191.0714325132</v>
      </c>
      <c r="E9" s="6" t="s">
        <v>8</v>
      </c>
    </row>
    <row r="10" spans="1:6" x14ac:dyDescent="0.35">
      <c r="A10" s="5" t="s">
        <v>17</v>
      </c>
      <c r="B10" s="4">
        <v>43774590.771941289</v>
      </c>
      <c r="C10" s="2" t="s">
        <v>14</v>
      </c>
      <c r="D10" s="3">
        <v>3833368.0040979111</v>
      </c>
      <c r="E10" s="2" t="s">
        <v>8</v>
      </c>
    </row>
    <row r="11" spans="1:6" x14ac:dyDescent="0.35">
      <c r="A11" s="8" t="s">
        <v>18</v>
      </c>
      <c r="B11" s="7">
        <v>51501782.483261988</v>
      </c>
      <c r="C11" s="6" t="s">
        <v>14</v>
      </c>
      <c r="D11" s="3">
        <v>4246269.0392290633</v>
      </c>
      <c r="E11" s="6" t="s">
        <v>8</v>
      </c>
    </row>
    <row r="12" spans="1:6" x14ac:dyDescent="0.35">
      <c r="A12" s="5" t="s">
        <v>19</v>
      </c>
      <c r="B12" s="4">
        <v>43358466.509999998</v>
      </c>
      <c r="C12" s="2" t="s">
        <v>14</v>
      </c>
      <c r="D12" s="3">
        <v>5385567.5058520231</v>
      </c>
      <c r="E12" s="2" t="s">
        <v>8</v>
      </c>
    </row>
    <row r="13" spans="1:6" x14ac:dyDescent="0.35">
      <c r="A13" s="8" t="s">
        <v>20</v>
      </c>
      <c r="B13" s="7">
        <v>60177277.864285193</v>
      </c>
      <c r="C13" s="6" t="s">
        <v>14</v>
      </c>
      <c r="D13" s="3">
        <v>5481540.9970410056</v>
      </c>
      <c r="E13" s="6" t="s">
        <v>8</v>
      </c>
    </row>
    <row r="14" spans="1:6" x14ac:dyDescent="0.35">
      <c r="A14" s="5" t="s">
        <v>21</v>
      </c>
      <c r="B14" s="4">
        <v>70862683.825515911</v>
      </c>
      <c r="C14" s="2" t="s">
        <v>14</v>
      </c>
      <c r="D14" s="3">
        <v>6096980.4664820731</v>
      </c>
      <c r="E14" s="2" t="s">
        <v>8</v>
      </c>
    </row>
    <row r="15" spans="1:6" x14ac:dyDescent="0.35">
      <c r="A15" s="8" t="s">
        <v>22</v>
      </c>
      <c r="B15" s="7">
        <v>60618943.789999999</v>
      </c>
      <c r="C15" s="6" t="s">
        <v>14</v>
      </c>
      <c r="D15" s="3">
        <v>6551637.5570211094</v>
      </c>
      <c r="E15" s="6" t="s">
        <v>8</v>
      </c>
    </row>
    <row r="16" spans="1:6" x14ac:dyDescent="0.35">
      <c r="A16" s="5" t="s">
        <v>23</v>
      </c>
      <c r="B16" s="4">
        <v>70975770.6106226</v>
      </c>
      <c r="C16" s="2" t="s">
        <v>14</v>
      </c>
      <c r="D16" s="3">
        <v>6677569.0283735339</v>
      </c>
      <c r="E16" s="2" t="s">
        <v>8</v>
      </c>
    </row>
    <row r="17" spans="1:5" x14ac:dyDescent="0.35">
      <c r="A17" s="8" t="s">
        <v>24</v>
      </c>
      <c r="B17" s="7">
        <v>83271684.550747991</v>
      </c>
      <c r="C17" s="6" t="s">
        <v>14</v>
      </c>
      <c r="D17" s="3">
        <v>6790478.6772678709</v>
      </c>
      <c r="E17" s="6" t="s">
        <v>8</v>
      </c>
    </row>
    <row r="18" spans="1:5" x14ac:dyDescent="0.35">
      <c r="A18" s="5" t="s">
        <v>25</v>
      </c>
      <c r="B18" s="4">
        <v>71565371.342096001</v>
      </c>
      <c r="C18" s="2" t="s">
        <v>14</v>
      </c>
      <c r="D18" s="3">
        <v>7519557.7967886515</v>
      </c>
      <c r="E18" s="2" t="s">
        <v>8</v>
      </c>
    </row>
    <row r="19" spans="1:5" x14ac:dyDescent="0.35">
      <c r="A19" s="8" t="s">
        <v>26</v>
      </c>
      <c r="B19" s="7">
        <v>86012645.703869611</v>
      </c>
      <c r="C19" s="6" t="s">
        <v>14</v>
      </c>
      <c r="D19" s="3">
        <v>8071702.9835280972</v>
      </c>
      <c r="E19" s="6" t="s">
        <v>8</v>
      </c>
    </row>
    <row r="20" spans="1:5" x14ac:dyDescent="0.35">
      <c r="A20" s="5" t="s">
        <v>27</v>
      </c>
      <c r="B20" s="4">
        <v>87601124.201507002</v>
      </c>
      <c r="C20" s="2" t="s">
        <v>14</v>
      </c>
      <c r="D20" s="3">
        <v>8127546.6025687801</v>
      </c>
      <c r="E20" s="2" t="s">
        <v>8</v>
      </c>
    </row>
    <row r="21" spans="1:5" x14ac:dyDescent="0.35">
      <c r="A21" s="8" t="s">
        <v>28</v>
      </c>
      <c r="B21" s="7">
        <v>84152302.247994795</v>
      </c>
      <c r="C21" s="6" t="s">
        <v>14</v>
      </c>
      <c r="D21" s="3">
        <v>8149298.5401400588</v>
      </c>
      <c r="E21" s="6" t="s">
        <v>8</v>
      </c>
    </row>
    <row r="22" spans="1:5" x14ac:dyDescent="0.35">
      <c r="A22" s="5" t="s">
        <v>29</v>
      </c>
      <c r="B22" s="4">
        <v>20216981.91</v>
      </c>
      <c r="C22" s="2" t="s">
        <v>14</v>
      </c>
      <c r="D22" s="3">
        <v>8324847.1911001969</v>
      </c>
      <c r="E22" s="2" t="s">
        <v>8</v>
      </c>
    </row>
    <row r="23" spans="1:5" x14ac:dyDescent="0.35">
      <c r="A23" s="8" t="s">
        <v>30</v>
      </c>
      <c r="B23" s="7">
        <v>71196629.854233012</v>
      </c>
      <c r="C23" s="6" t="s">
        <v>31</v>
      </c>
      <c r="D23" s="3">
        <v>8501225.4414995816</v>
      </c>
      <c r="E23" s="6" t="s">
        <v>8</v>
      </c>
    </row>
    <row r="24" spans="1:5" x14ac:dyDescent="0.35">
      <c r="A24" s="5" t="s">
        <v>32</v>
      </c>
      <c r="B24" s="4">
        <v>95956283.470047012</v>
      </c>
      <c r="C24" s="2" t="s">
        <v>14</v>
      </c>
      <c r="D24" s="3">
        <v>9794898.9008369241</v>
      </c>
      <c r="E24" s="2" t="s">
        <v>8</v>
      </c>
    </row>
    <row r="25" spans="1:5" x14ac:dyDescent="0.35">
      <c r="A25" s="8" t="s">
        <v>33</v>
      </c>
      <c r="B25" s="7">
        <v>88528681.298333496</v>
      </c>
      <c r="C25" s="6" t="s">
        <v>14</v>
      </c>
      <c r="D25" s="3">
        <v>10018524.904299136</v>
      </c>
      <c r="E25" s="6" t="s">
        <v>8</v>
      </c>
    </row>
    <row r="26" spans="1:5" x14ac:dyDescent="0.35">
      <c r="A26" s="5" t="s">
        <v>34</v>
      </c>
      <c r="B26" s="4">
        <v>93113947.464073896</v>
      </c>
      <c r="C26" s="2" t="s">
        <v>14</v>
      </c>
      <c r="D26" s="3">
        <v>10337590.542685451</v>
      </c>
      <c r="E26" s="2" t="s">
        <v>8</v>
      </c>
    </row>
    <row r="27" spans="1:5" x14ac:dyDescent="0.35">
      <c r="A27" s="8" t="s">
        <v>35</v>
      </c>
      <c r="B27" s="7">
        <v>87596958.022944003</v>
      </c>
      <c r="C27" s="6" t="s">
        <v>14</v>
      </c>
      <c r="D27" s="3">
        <v>10803678.278299676</v>
      </c>
      <c r="E27" s="6" t="s">
        <v>8</v>
      </c>
    </row>
    <row r="28" spans="1:5" x14ac:dyDescent="0.35">
      <c r="A28" s="5" t="s">
        <v>36</v>
      </c>
      <c r="B28" s="4">
        <v>110102254.90952098</v>
      </c>
      <c r="C28" s="2" t="s">
        <v>14</v>
      </c>
      <c r="D28" s="3">
        <v>10984706.554223467</v>
      </c>
      <c r="E28" s="2" t="s">
        <v>8</v>
      </c>
    </row>
    <row r="29" spans="1:5" x14ac:dyDescent="0.35">
      <c r="A29" s="8" t="s">
        <v>37</v>
      </c>
      <c r="B29" s="7">
        <v>97453376.670256183</v>
      </c>
      <c r="C29" s="6" t="s">
        <v>14</v>
      </c>
      <c r="D29" s="3">
        <v>11053441.641033743</v>
      </c>
      <c r="E29" s="6" t="s">
        <v>8</v>
      </c>
    </row>
    <row r="30" spans="1:5" x14ac:dyDescent="0.35">
      <c r="A30" s="5" t="s">
        <v>38</v>
      </c>
      <c r="B30" s="4">
        <v>37774233.280000001</v>
      </c>
      <c r="C30" s="2" t="s">
        <v>14</v>
      </c>
      <c r="D30" s="3">
        <v>11229656.844650811</v>
      </c>
      <c r="E30" s="2" t="s">
        <v>8</v>
      </c>
    </row>
    <row r="31" spans="1:5" x14ac:dyDescent="0.35">
      <c r="A31" s="8" t="s">
        <v>39</v>
      </c>
      <c r="B31" s="7">
        <v>109965134.33092041</v>
      </c>
      <c r="C31" s="6" t="s">
        <v>14</v>
      </c>
      <c r="D31" s="3">
        <v>12714022.245562445</v>
      </c>
      <c r="E31" s="6" t="s">
        <v>8</v>
      </c>
    </row>
    <row r="32" spans="1:5" x14ac:dyDescent="0.35">
      <c r="A32" s="5" t="s">
        <v>40</v>
      </c>
      <c r="B32" s="4">
        <v>109150065.5248276</v>
      </c>
      <c r="C32" s="2" t="s">
        <v>14</v>
      </c>
      <c r="D32" s="3">
        <v>13457470.202552529</v>
      </c>
      <c r="E32" s="2" t="s">
        <v>8</v>
      </c>
    </row>
    <row r="33" spans="1:5" x14ac:dyDescent="0.35">
      <c r="A33" s="8" t="s">
        <v>41</v>
      </c>
      <c r="B33" s="7">
        <v>106109671.71314159</v>
      </c>
      <c r="C33" s="6" t="s">
        <v>14</v>
      </c>
      <c r="D33" s="3">
        <v>13814300.173086623</v>
      </c>
      <c r="E33" s="6" t="s">
        <v>8</v>
      </c>
    </row>
    <row r="34" spans="1:5" x14ac:dyDescent="0.35">
      <c r="A34" s="5" t="s">
        <v>42</v>
      </c>
      <c r="B34" s="4">
        <v>108858151.01453841</v>
      </c>
      <c r="C34" s="2" t="s">
        <v>14</v>
      </c>
      <c r="D34" s="3">
        <v>13870646.51871925</v>
      </c>
      <c r="E34" s="2" t="s">
        <v>8</v>
      </c>
    </row>
    <row r="35" spans="1:5" x14ac:dyDescent="0.35">
      <c r="A35" s="1" t="s">
        <v>0</v>
      </c>
      <c r="D35" s="14">
        <v>229820000</v>
      </c>
    </row>
    <row r="36" spans="1:5" x14ac:dyDescent="0.35">
      <c r="A36" s="1"/>
      <c r="D36" s="15"/>
    </row>
    <row r="37" spans="1:5" x14ac:dyDescent="0.35">
      <c r="A37" s="1"/>
    </row>
  </sheetData>
  <pageMargins left="0.7" right="0.7" top="0.75" bottom="0.75" header="0.3" footer="0.3"/>
  <pageSetup orientation="portrait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30B59EC501F98D41844B9680813BADEF" ma:contentTypeVersion="4" ma:contentTypeDescription="Create a new document." ma:contentTypeScope="" ma:versionID="97d3c18d60d8f29d5f851e1d4d008824">
  <xsd:schema xmlns:xsd="http://www.w3.org/2001/XMLSchema" xmlns:xs="http://www.w3.org/2001/XMLSchema" xmlns:p="http://schemas.microsoft.com/office/2006/metadata/properties" xmlns:ns2="3af725d7-bc00-458e-b5d3-a2206bc365f3" targetNamespace="http://schemas.microsoft.com/office/2006/metadata/properties" ma:root="true" ma:fieldsID="f80306f39ee1e54289c47b5412f49831" ns2:_="">
    <xsd:import namespace="3af725d7-bc00-458e-b5d3-a2206bc365f3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ObjectDetectorVersions" minOccurs="0"/>
                <xsd:element ref="ns2:MediaServiceSearchPropertie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3af725d7-bc00-458e-b5d3-a2206bc365f3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ObjectDetectorVersions" ma:index="10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11" nillable="true" ma:displayName="MediaServiceSearchProperties" ma:hidden="true" ma:internalName="MediaServiceSearchProperties" ma:readOnly="true">
      <xsd:simpleType>
        <xsd:restriction base="dms:Note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EFEF2F3F-C2E5-4B13-896D-C6179BB5FD3C}">
  <ds:schemaRefs>
    <ds:schemaRef ds:uri="http://schemas.microsoft.com/office/2006/metadata/properties"/>
    <ds:schemaRef ds:uri="http://schemas.microsoft.com/office/infopath/2007/PartnerControls"/>
  </ds:schemaRefs>
</ds:datastoreItem>
</file>

<file path=customXml/itemProps2.xml><?xml version="1.0" encoding="utf-8"?>
<ds:datastoreItem xmlns:ds="http://schemas.openxmlformats.org/officeDocument/2006/customXml" ds:itemID="{E710BE75-8561-4C4B-A0AF-54C5E4AB8234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F21CE327-A9B7-4957-B368-C527ABA03815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3af725d7-bc00-458e-b5d3-a2206bc365f3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ALO5LITTL</vt:lpstr>
    </vt:vector>
  </TitlesOfParts>
  <Manager/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Bethan Jones</dc:creator>
  <cp:keywords/>
  <dc:description/>
  <cp:lastModifiedBy>Brewer, Josh - Oxfordshire County Council</cp:lastModifiedBy>
  <cp:revision/>
  <dcterms:created xsi:type="dcterms:W3CDTF">2024-04-09T14:18:16Z</dcterms:created>
  <dcterms:modified xsi:type="dcterms:W3CDTF">2024-05-30T15:38:53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30B59EC501F98D41844B9680813BADEF</vt:lpwstr>
  </property>
  <property fmtid="{D5CDD505-2E9C-101B-9397-08002B2CF9AE}" pid="3" name="Order">
    <vt:r8>6832900</vt:r8>
  </property>
  <property fmtid="{D5CDD505-2E9C-101B-9397-08002B2CF9AE}" pid="4" name="xd_Signature">
    <vt:bool>false</vt:bool>
  </property>
  <property fmtid="{D5CDD505-2E9C-101B-9397-08002B2CF9AE}" pid="5" name="xd_ProgID">
    <vt:lpwstr/>
  </property>
  <property fmtid="{D5CDD505-2E9C-101B-9397-08002B2CF9AE}" pid="6" name="ComplianceAssetId">
    <vt:lpwstr/>
  </property>
  <property fmtid="{D5CDD505-2E9C-101B-9397-08002B2CF9AE}" pid="7" name="TemplateUrl">
    <vt:lpwstr/>
  </property>
  <property fmtid="{D5CDD505-2E9C-101B-9397-08002B2CF9AE}" pid="8" name="Classification">
    <vt:lpwstr>Internal Only</vt:lpwstr>
  </property>
  <property fmtid="{D5CDD505-2E9C-101B-9397-08002B2CF9AE}" pid="9" name="Personal Data">
    <vt:bool>false</vt:bool>
  </property>
  <property fmtid="{D5CDD505-2E9C-101B-9397-08002B2CF9AE}" pid="10" name="_ExtendedDescription">
    <vt:lpwstr/>
  </property>
  <property fmtid="{D5CDD505-2E9C-101B-9397-08002B2CF9AE}" pid="11" name="TriggerFlowInfo">
    <vt:lpwstr/>
  </property>
</Properties>
</file>